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5B091DA" w:rsidR="009000CE" w:rsidRDefault="00ED34AE" w:rsidP="00ED34AE">
                <w:pPr>
                  <w:pStyle w:val="Title"/>
                </w:pPr>
                <w:r>
                  <w:t>&lt;PROJECT NAME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517C4DA1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ED34AE">
                  <w:t>Group Member Names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77777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184AA9">
                  <w:t>Date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10AC7BE3" w14:textId="10417DDF" w:rsidR="00D06CD4" w:rsidRDefault="008F1C30" w:rsidP="00184AA9">
      <w:r>
        <w:t>Based on the testing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Default="00184AA9" w:rsidP="00ED34AE">
      <w:pPr>
        <w:rPr>
          <w:color w:val="FF0000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</w:t>
      </w:r>
      <w:proofErr w:type="gramStart"/>
      <w:r w:rsidR="00ED34AE" w:rsidRPr="00ED34AE">
        <w:rPr>
          <w:color w:val="FF0000"/>
        </w:rPr>
        <w:t>performed</w:t>
      </w:r>
      <w:proofErr w:type="gramEnd"/>
    </w:p>
    <w:p w14:paraId="24EDAD9D" w14:textId="2898CDB6" w:rsidR="00037889" w:rsidRPr="00037889" w:rsidRDefault="00037889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proofErr w:type="gramStart"/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The purpose of this report,</w:t>
      </w:r>
      <w:proofErr w:type="gramEnd"/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is to demonstrate </w:t>
      </w:r>
      <w:proofErr w:type="gramStart"/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working</w:t>
      </w:r>
      <w:proofErr w:type="gramEnd"/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of Sydney Airbnb Dataset Analysis Tool.</w:t>
      </w:r>
      <w:r w:rsidR="00F43196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</w:t>
      </w: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The date range covered is the from _____ </w:t>
      </w:r>
      <w:proofErr w:type="spellStart"/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to</w:t>
      </w:r>
      <w:proofErr w:type="spellEnd"/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_____. Various analysis tasks were performed in that</w:t>
      </w:r>
      <w: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 </w:t>
      </w: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time frame such as</w:t>
      </w:r>
      <w: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:</w:t>
      </w:r>
    </w:p>
    <w:p w14:paraId="66EFC412" w14:textId="77777777" w:rsidR="00037889" w:rsidRPr="00037889" w:rsidRDefault="00037889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- Making sure the tool is working properly</w:t>
      </w:r>
    </w:p>
    <w:p w14:paraId="1741E5EC" w14:textId="77777777" w:rsidR="00037889" w:rsidRPr="00037889" w:rsidRDefault="00037889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 xml:space="preserve">- Testing using </w:t>
      </w:r>
      <w:proofErr w:type="spellStart"/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pytest</w:t>
      </w:r>
      <w:proofErr w:type="spellEnd"/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, to make sure every input is covered</w:t>
      </w:r>
    </w:p>
    <w:p w14:paraId="561E3A1E" w14:textId="77777777" w:rsidR="00037889" w:rsidRPr="00037889" w:rsidRDefault="00037889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- Made user manual based on use cases</w:t>
      </w:r>
    </w:p>
    <w:p w14:paraId="60A87141" w14:textId="77777777" w:rsidR="00037889" w:rsidRPr="00037889" w:rsidRDefault="00037889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- Updated use cases according to the program</w:t>
      </w:r>
    </w:p>
    <w:p w14:paraId="4C26201F" w14:textId="390DBB15" w:rsidR="00A60EF3" w:rsidRPr="00037889" w:rsidRDefault="00037889" w:rsidP="00037889">
      <w:pPr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</w:pPr>
      <w:r w:rsidRPr="00037889">
        <w:rPr>
          <w:rStyle w:val="Heading1Char"/>
          <w:rFonts w:asciiTheme="minorHAnsi" w:eastAsiaTheme="minorEastAsia" w:hAnsiTheme="minorHAnsi" w:cstheme="minorBidi"/>
          <w:b w:val="0"/>
          <w:color w:val="000000" w:themeColor="text1"/>
          <w:sz w:val="22"/>
          <w:szCs w:val="22"/>
        </w:rPr>
        <w:t>-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711C2173" w:rsidR="009000CE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1 </w:t>
      </w:r>
      <w:r w:rsidR="00037889">
        <w:rPr>
          <w:rStyle w:val="Heading1Char"/>
          <w:b/>
        </w:rPr>
        <w:t>Room Listing Function</w:t>
      </w:r>
    </w:p>
    <w:p w14:paraId="33EF21A4" w14:textId="1C6FB9C2" w:rsidR="00EA567C" w:rsidRDefault="009E74AF" w:rsidP="00EA567C">
      <w:pPr>
        <w:rPr>
          <w:color w:val="000000" w:themeColor="text1"/>
        </w:rPr>
      </w:pPr>
      <w:r>
        <w:rPr>
          <w:color w:val="000000" w:themeColor="text1"/>
        </w:rPr>
        <w:t>The following are results of using Listings function</w:t>
      </w:r>
      <w:r w:rsidR="00715A6E">
        <w:rPr>
          <w:color w:val="000000" w:themeColor="text1"/>
        </w:rPr>
        <w:t>. This function takes user</w:t>
      </w:r>
      <w:r w:rsidR="002C6136">
        <w:rPr>
          <w:color w:val="000000" w:themeColor="text1"/>
        </w:rPr>
        <w:t xml:space="preserve">s </w:t>
      </w:r>
      <w:proofErr w:type="gramStart"/>
      <w:r w:rsidR="00715A6E">
        <w:rPr>
          <w:color w:val="000000" w:themeColor="text1"/>
        </w:rPr>
        <w:t>on</w:t>
      </w:r>
      <w:proofErr w:type="gramEnd"/>
      <w:r w:rsidR="00715A6E">
        <w:rPr>
          <w:color w:val="000000" w:themeColor="text1"/>
        </w:rPr>
        <w:t xml:space="preserve"> the page where they can choose a suburb and select a date range. Then clicking on search the program will generate a table with listing id and </w:t>
      </w:r>
      <w:r w:rsidR="00384BB1">
        <w:rPr>
          <w:color w:val="000000" w:themeColor="text1"/>
        </w:rPr>
        <w:t>_______</w:t>
      </w:r>
      <w:r w:rsidR="00715A6E">
        <w:rPr>
          <w:color w:val="000000" w:themeColor="text1"/>
        </w:rPr>
        <w:t>.</w:t>
      </w:r>
    </w:p>
    <w:p w14:paraId="2E070774" w14:textId="7867F321" w:rsidR="002C6136" w:rsidRDefault="002C6136" w:rsidP="002C6136">
      <w:pPr>
        <w:ind w:left="0"/>
        <w:rPr>
          <w:color w:val="000000" w:themeColor="text1"/>
        </w:rPr>
      </w:pPr>
    </w:p>
    <w:p w14:paraId="4A2C1964" w14:textId="0622AE8C" w:rsidR="002C6136" w:rsidRPr="00EA567C" w:rsidRDefault="002C6136" w:rsidP="002C6136">
      <w:pPr>
        <w:ind w:left="0"/>
        <w:rPr>
          <w:color w:val="000000" w:themeColor="text1"/>
        </w:rPr>
      </w:pPr>
      <w:r>
        <w:rPr>
          <w:color w:val="000000" w:themeColor="text1"/>
        </w:rPr>
        <w:tab/>
        <w:t>Test 1: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</w:t>
      </w:r>
      <w:proofErr w:type="gramStart"/>
      <w:r w:rsidR="00ED34AE" w:rsidRPr="00ED34AE">
        <w:rPr>
          <w:color w:val="FF0000"/>
        </w:rPr>
        <w:t>12 month</w:t>
      </w:r>
      <w:proofErr w:type="gramEnd"/>
      <w:r w:rsidR="00ED34AE"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3512E364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2 </w:t>
      </w:r>
      <w:r w:rsidR="00037889">
        <w:rPr>
          <w:rStyle w:val="Heading1Char"/>
          <w:b/>
        </w:rPr>
        <w:t>Price Distribution Chart Function</w:t>
      </w:r>
    </w:p>
    <w:p w14:paraId="2D95F51C" w14:textId="5864746E" w:rsidR="002C6136" w:rsidRDefault="002C6136" w:rsidP="002C6136">
      <w:pPr>
        <w:rPr>
          <w:color w:val="000000" w:themeColor="text1"/>
        </w:rPr>
      </w:pPr>
      <w:r>
        <w:rPr>
          <w:color w:val="000000" w:themeColor="text1"/>
        </w:rPr>
        <w:t>Below</w:t>
      </w:r>
      <w:r>
        <w:rPr>
          <w:color w:val="000000" w:themeColor="text1"/>
        </w:rPr>
        <w:t xml:space="preserve"> are results of using </w:t>
      </w:r>
      <w:r>
        <w:rPr>
          <w:color w:val="000000" w:themeColor="text1"/>
        </w:rPr>
        <w:t>Price Chart</w:t>
      </w:r>
      <w:r>
        <w:rPr>
          <w:color w:val="000000" w:themeColor="text1"/>
        </w:rPr>
        <w:t xml:space="preserve"> function. This function takes user</w:t>
      </w:r>
      <w:r>
        <w:rPr>
          <w:color w:val="000000" w:themeColor="text1"/>
        </w:rPr>
        <w:t>s</w:t>
      </w:r>
      <w:r>
        <w:rPr>
          <w:color w:val="000000" w:themeColor="text1"/>
        </w:rPr>
        <w:t xml:space="preserve"> </w:t>
      </w:r>
      <w:proofErr w:type="gramStart"/>
      <w:r>
        <w:rPr>
          <w:color w:val="000000" w:themeColor="text1"/>
        </w:rPr>
        <w:t>on</w:t>
      </w:r>
      <w:proofErr w:type="gramEnd"/>
      <w:r>
        <w:rPr>
          <w:color w:val="000000" w:themeColor="text1"/>
        </w:rPr>
        <w:t xml:space="preserve"> the page where they select a date range. Then clicking on </w:t>
      </w:r>
      <w:proofErr w:type="spellStart"/>
      <w:r>
        <w:rPr>
          <w:color w:val="000000" w:themeColor="text1"/>
        </w:rPr>
        <w:t>createchart</w:t>
      </w:r>
      <w:proofErr w:type="spellEnd"/>
      <w:r>
        <w:rPr>
          <w:color w:val="000000" w:themeColor="text1"/>
        </w:rPr>
        <w:t xml:space="preserve"> the program will generate a table with listing id and </w:t>
      </w:r>
      <w:r>
        <w:rPr>
          <w:color w:val="000000" w:themeColor="text1"/>
        </w:rPr>
        <w:t>prices of rooms.</w:t>
      </w:r>
    </w:p>
    <w:p w14:paraId="427FAE1A" w14:textId="492D97BD" w:rsidR="009E09CB" w:rsidRDefault="009E09CB" w:rsidP="002C6136">
      <w:pPr>
        <w:rPr>
          <w:color w:val="000000" w:themeColor="text1"/>
        </w:rPr>
      </w:pPr>
      <w:r>
        <w:rPr>
          <w:color w:val="000000" w:themeColor="text1"/>
        </w:rPr>
        <w:t>Test 1:</w:t>
      </w:r>
    </w:p>
    <w:p w14:paraId="5EC7B0BE" w14:textId="77777777" w:rsidR="002C6136" w:rsidRPr="002C6136" w:rsidRDefault="002C6136" w:rsidP="002C6136"/>
    <w:p w14:paraId="2B11177A" w14:textId="5AF29B19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3 </w:t>
      </w:r>
      <w:r w:rsidR="00037889">
        <w:rPr>
          <w:rStyle w:val="Heading1Char"/>
          <w:b/>
        </w:rPr>
        <w:t>User Specific Room Listing Function</w:t>
      </w:r>
    </w:p>
    <w:p w14:paraId="4E76629A" w14:textId="6011AB7C" w:rsidR="009E09CB" w:rsidRDefault="009E09CB" w:rsidP="009E09CB">
      <w:pPr>
        <w:rPr>
          <w:color w:val="000000" w:themeColor="text1"/>
        </w:rPr>
      </w:pPr>
      <w:r>
        <w:rPr>
          <w:color w:val="000000" w:themeColor="text1"/>
        </w:rPr>
        <w:t>Following</w:t>
      </w:r>
      <w:r>
        <w:rPr>
          <w:color w:val="000000" w:themeColor="text1"/>
        </w:rPr>
        <w:t xml:space="preserve"> are results of using </w:t>
      </w:r>
      <w:r>
        <w:rPr>
          <w:color w:val="000000" w:themeColor="text1"/>
        </w:rPr>
        <w:t>User Specific</w:t>
      </w:r>
      <w:r>
        <w:rPr>
          <w:color w:val="000000" w:themeColor="text1"/>
        </w:rPr>
        <w:t xml:space="preserve"> function. This function takes users on the page where they select a date range</w:t>
      </w:r>
      <w:r>
        <w:rPr>
          <w:color w:val="000000" w:themeColor="text1"/>
        </w:rPr>
        <w:t xml:space="preserve"> </w:t>
      </w:r>
      <w:r w:rsidR="00672746">
        <w:rPr>
          <w:color w:val="000000" w:themeColor="text1"/>
        </w:rPr>
        <w:t>as well as</w:t>
      </w:r>
      <w:r>
        <w:rPr>
          <w:color w:val="000000" w:themeColor="text1"/>
        </w:rPr>
        <w:t xml:space="preserve"> enter keywords in textbox like spa, </w:t>
      </w:r>
      <w:proofErr w:type="gramStart"/>
      <w:r>
        <w:rPr>
          <w:color w:val="000000" w:themeColor="text1"/>
        </w:rPr>
        <w:t>pool</w:t>
      </w:r>
      <w:proofErr w:type="gramEnd"/>
      <w:r>
        <w:rPr>
          <w:color w:val="000000" w:themeColor="text1"/>
        </w:rPr>
        <w:t xml:space="preserve"> and other </w:t>
      </w:r>
      <w:r>
        <w:rPr>
          <w:color w:val="000000" w:themeColor="text1"/>
        </w:rPr>
        <w:lastRenderedPageBreak/>
        <w:t>relevant keywords</w:t>
      </w:r>
      <w:r>
        <w:rPr>
          <w:color w:val="000000" w:themeColor="text1"/>
        </w:rPr>
        <w:t xml:space="preserve">. Then clicking on </w:t>
      </w:r>
      <w:r w:rsidR="00672746">
        <w:rPr>
          <w:color w:val="000000" w:themeColor="text1"/>
        </w:rPr>
        <w:t>search</w:t>
      </w:r>
      <w:r>
        <w:rPr>
          <w:color w:val="000000" w:themeColor="text1"/>
        </w:rPr>
        <w:t xml:space="preserve"> the program will generate a table with listing id of rooms</w:t>
      </w:r>
      <w:r w:rsidR="00C77648">
        <w:rPr>
          <w:color w:val="000000" w:themeColor="text1"/>
        </w:rPr>
        <w:t xml:space="preserve"> based on user entered keywords</w:t>
      </w:r>
      <w:r>
        <w:rPr>
          <w:color w:val="000000" w:themeColor="text1"/>
        </w:rPr>
        <w:t>.</w:t>
      </w:r>
      <w:r w:rsidR="00C77648">
        <w:rPr>
          <w:color w:val="000000" w:themeColor="text1"/>
        </w:rPr>
        <w:t xml:space="preserve"> If no rooms are there, </w:t>
      </w:r>
      <w:proofErr w:type="gramStart"/>
      <w:r w:rsidR="00C77648">
        <w:rPr>
          <w:color w:val="000000" w:themeColor="text1"/>
        </w:rPr>
        <w:t>empty</w:t>
      </w:r>
      <w:proofErr w:type="gramEnd"/>
      <w:r w:rsidR="00C77648">
        <w:rPr>
          <w:color w:val="000000" w:themeColor="text1"/>
        </w:rPr>
        <w:t xml:space="preserve"> table is shown.</w:t>
      </w:r>
    </w:p>
    <w:p w14:paraId="0D6BA3B2" w14:textId="6B976F22" w:rsidR="009E09CB" w:rsidRPr="009E09CB" w:rsidRDefault="00C77648" w:rsidP="009E09CB">
      <w:r>
        <w:t>Test 1:</w:t>
      </w:r>
    </w:p>
    <w:p w14:paraId="49BE7F08" w14:textId="2CD09320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4 </w:t>
      </w:r>
      <w:r w:rsidR="00292322">
        <w:rPr>
          <w:rStyle w:val="Heading1Char"/>
          <w:b/>
        </w:rPr>
        <w:t>Reviews</w:t>
      </w:r>
      <w:r w:rsidR="00037889">
        <w:rPr>
          <w:rStyle w:val="Heading1Char"/>
          <w:b/>
        </w:rPr>
        <w:t xml:space="preserve"> Analysis Function</w:t>
      </w:r>
    </w:p>
    <w:p w14:paraId="62AFCEB6" w14:textId="215353E7" w:rsidR="00F1031E" w:rsidRDefault="00292322" w:rsidP="00292322">
      <w:r>
        <w:t xml:space="preserve">In this section, </w:t>
      </w:r>
      <w:proofErr w:type="gramStart"/>
      <w:r>
        <w:t>test</w:t>
      </w:r>
      <w:proofErr w:type="gramEnd"/>
      <w:r>
        <w:t xml:space="preserve"> is based on review analysis function. User</w:t>
      </w:r>
      <w:r w:rsidR="00F1031E">
        <w:t>s</w:t>
      </w:r>
      <w:r>
        <w:t xml:space="preserve"> need to click on </w:t>
      </w:r>
      <w:proofErr w:type="gramStart"/>
      <w:r>
        <w:t>reviews</w:t>
      </w:r>
      <w:proofErr w:type="gramEnd"/>
      <w:r>
        <w:t xml:space="preserve"> button which will take them to reviews page. They need to select a date range and click on </w:t>
      </w:r>
      <w:proofErr w:type="gramStart"/>
      <w:r>
        <w:t>search</w:t>
      </w:r>
      <w:proofErr w:type="gramEnd"/>
      <w:r>
        <w:t xml:space="preserve"> button. The program displays </w:t>
      </w:r>
      <w:proofErr w:type="gramStart"/>
      <w:r>
        <w:t>review</w:t>
      </w:r>
      <w:proofErr w:type="gramEnd"/>
      <w:r>
        <w:t xml:space="preserve"> chart based on listing id.</w:t>
      </w:r>
    </w:p>
    <w:p w14:paraId="65544D16" w14:textId="3F30EA51" w:rsidR="00292322" w:rsidRPr="00292322" w:rsidRDefault="00F1031E" w:rsidP="00292322">
      <w:r>
        <w:t>Test 1:</w:t>
      </w:r>
      <w:r w:rsidR="00292322">
        <w:t xml:space="preserve">  </w:t>
      </w:r>
    </w:p>
    <w:p w14:paraId="63C58427" w14:textId="2C27B10F" w:rsidR="00ED34AE" w:rsidRPr="00184AA9" w:rsidRDefault="00ED34AE" w:rsidP="00ED34AE">
      <w:pPr>
        <w:pStyle w:val="Heading1"/>
      </w:pPr>
      <w:r>
        <w:rPr>
          <w:rStyle w:val="Heading1Char"/>
          <w:b/>
        </w:rPr>
        <w:t xml:space="preserve">Analysis 5 </w:t>
      </w:r>
      <w:r w:rsidR="00037889">
        <w:rPr>
          <w:rStyle w:val="Heading1Char"/>
          <w:b/>
        </w:rPr>
        <w:t>Room Usage Analysis Function</w:t>
      </w:r>
    </w:p>
    <w:p w14:paraId="2937FBD9" w14:textId="212FCBAD" w:rsidR="00ED34AE" w:rsidRDefault="00F1031E" w:rsidP="00ED34AE">
      <w:r>
        <w:t xml:space="preserve">Below is the analysis of </w:t>
      </w:r>
      <w:proofErr w:type="gramStart"/>
      <w:r>
        <w:t>room</w:t>
      </w:r>
      <w:proofErr w:type="gramEnd"/>
      <w:r>
        <w:t xml:space="preserve"> usage function of the program. Users need to click on </w:t>
      </w:r>
      <w:proofErr w:type="spellStart"/>
      <w:proofErr w:type="gramStart"/>
      <w:r>
        <w:t>roomusage</w:t>
      </w:r>
      <w:proofErr w:type="spellEnd"/>
      <w:proofErr w:type="gramEnd"/>
      <w:r>
        <w:t xml:space="preserve"> button. Then select a date range and click on search. The program displays a chart with room usage based on listing id.</w:t>
      </w:r>
    </w:p>
    <w:p w14:paraId="358D6EBE" w14:textId="18A60D5D" w:rsidR="00F1031E" w:rsidRPr="00ED34AE" w:rsidRDefault="00F1031E" w:rsidP="00ED34AE">
      <w:r>
        <w:t>Test1:</w:t>
      </w:r>
    </w:p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E05E427" w14:textId="77777777" w:rsidR="00E96904" w:rsidRDefault="00E96904">
      <w:pPr>
        <w:spacing w:after="0" w:line="240" w:lineRule="auto"/>
      </w:pPr>
      <w:r>
        <w:separator/>
      </w:r>
    </w:p>
  </w:endnote>
  <w:endnote w:type="continuationSeparator" w:id="0">
    <w:p w14:paraId="4EF88F3E" w14:textId="77777777" w:rsidR="00E96904" w:rsidRDefault="00E9690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26B6EA76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ED34AE">
                <w:t>&lt;PROJECT NAME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D34A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</w:tcPr>
        <w:p w14:paraId="66753B50" w14:textId="78BB6D59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F43196">
            <w:rPr>
              <w:noProof/>
            </w:rPr>
            <w:t>4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31EC9037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ED34AE">
          <w:t>&lt;PROJECT NAM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Member Name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975DD8E" w14:textId="77777777" w:rsidR="00E96904" w:rsidRDefault="00E96904">
      <w:pPr>
        <w:spacing w:after="0" w:line="240" w:lineRule="auto"/>
      </w:pPr>
      <w:r>
        <w:separator/>
      </w:r>
    </w:p>
  </w:footnote>
  <w:footnote w:type="continuationSeparator" w:id="0">
    <w:p w14:paraId="65B632FC" w14:textId="77777777" w:rsidR="00E96904" w:rsidRDefault="00E96904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37889"/>
    <w:rsid w:val="00184AA9"/>
    <w:rsid w:val="00292322"/>
    <w:rsid w:val="002C6136"/>
    <w:rsid w:val="002D4235"/>
    <w:rsid w:val="00384BB1"/>
    <w:rsid w:val="00672746"/>
    <w:rsid w:val="00715A6E"/>
    <w:rsid w:val="008F1C30"/>
    <w:rsid w:val="009000CE"/>
    <w:rsid w:val="0097144C"/>
    <w:rsid w:val="009E09CB"/>
    <w:rsid w:val="009E74AF"/>
    <w:rsid w:val="00A60EF3"/>
    <w:rsid w:val="00AD07E1"/>
    <w:rsid w:val="00AE0CAF"/>
    <w:rsid w:val="00C77648"/>
    <w:rsid w:val="00D06CD4"/>
    <w:rsid w:val="00DD0ACF"/>
    <w:rsid w:val="00E96904"/>
    <w:rsid w:val="00EA567C"/>
    <w:rsid w:val="00ED34AE"/>
    <w:rsid w:val="00EF1F30"/>
    <w:rsid w:val="00F1031E"/>
    <w:rsid w:val="00F431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9E09CB"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742C18"/>
    <w:rsid w:val="00854693"/>
    <w:rsid w:val="009B713D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110</TotalTime>
  <Pages>1</Pages>
  <Words>386</Words>
  <Characters>2206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25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PROJECT NAME&gt; Executive Summary</dc:title>
  <dc:creator>Group Member Names</dc:creator>
  <cp:keywords/>
  <cp:lastModifiedBy>Tanish Dhir</cp:lastModifiedBy>
  <cp:revision>18</cp:revision>
  <dcterms:created xsi:type="dcterms:W3CDTF">2017-08-28T03:16:00Z</dcterms:created>
  <dcterms:modified xsi:type="dcterms:W3CDTF">2023-10-08T12:00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